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tags/tag14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2"/>
  </p:notesMasterIdLst>
  <p:handoutMasterIdLst>
    <p:handoutMasterId r:id="rId13"/>
  </p:handoutMasterIdLst>
  <p:sldIdLst>
    <p:sldId id="256" r:id="rId2"/>
    <p:sldId id="259" r:id="rId3"/>
    <p:sldId id="261" r:id="rId4"/>
    <p:sldId id="262" r:id="rId5"/>
    <p:sldId id="263" r:id="rId6"/>
    <p:sldId id="264" r:id="rId7"/>
    <p:sldId id="265" r:id="rId8"/>
    <p:sldId id="266" r:id="rId9"/>
    <p:sldId id="267" r:id="rId10"/>
    <p:sldId id="268" r:id="rId1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989" autoAdjust="0"/>
    <p:restoredTop sz="74191" autoAdjust="0"/>
  </p:normalViewPr>
  <p:slideViewPr>
    <p:cSldViewPr snapToGrid="0" showGuides="1">
      <p:cViewPr varScale="1">
        <p:scale>
          <a:sx n="97" d="100"/>
          <a:sy n="97" d="100"/>
        </p:scale>
        <p:origin x="942" y="9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8/02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8/02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809938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39766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fontAlgn="base"/>
            <a:r>
              <a:rPr lang="da-DK" sz="1200" b="1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Uddannelsesparathedsvurderingen forventes afskaffet pr. 1. august 2024</a:t>
            </a: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Det er planlagt, at Folketinget i november 2023 skal behandle et lovforslag, der handler om at afskaffe uddannelsesparathedsvurderingen fra skoleåret 2024/25. Hvis forslaget vedtages i den nuværende form, betyder det, at elever ikke skal uddannelsesparathedsvurderes fra skoleåret 2024/25 og frem. Det betyder desuden, at </a:t>
            </a:r>
            <a:r>
              <a:rPr lang="da-DK" sz="1200" b="0" i="0" kern="1200" dirty="0" err="1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studievalgsportfolioen</a:t>
            </a:r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bliver afskaffet fra skoleåret 2024/25. </a:t>
            </a: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Elever i 8.-10. klasse skal fortsat uddannelsesparathedsvurderes i skoleåret 2023/24, og </a:t>
            </a:r>
            <a:r>
              <a:rPr lang="da-DK" sz="1200" b="0" i="0" kern="1200" dirty="0" err="1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studievalgsportfolioen</a:t>
            </a:r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skal fortsat vedhæftes ansøgningen 1. marts 2024.</a:t>
            </a:r>
          </a:p>
          <a:p>
            <a:pPr fontAlgn="base"/>
            <a:endParaRPr lang="da-DK" sz="1200" b="0" i="0" kern="1200" dirty="0" smtClean="0">
              <a:solidFill>
                <a:schemeClr val="tx1"/>
              </a:solidFill>
              <a:effectLst/>
              <a:latin typeface="Arial" charset="0"/>
              <a:ea typeface="+mn-ea"/>
              <a:cs typeface="+mn-cs"/>
            </a:endParaRPr>
          </a:p>
          <a:p>
            <a:pPr fontAlgn="base"/>
            <a:r>
              <a:rPr lang="da-DK" sz="1200" b="0" i="0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Du kan læse mere om, hvad afskaffelsen af uddannelsesparathedsvurderingen betyder her:</a:t>
            </a:r>
          </a:p>
          <a:p>
            <a:pPr marL="171450" indent="-171450" fontAlgn="base">
              <a:buFont typeface="Arial" panose="020B0604020202020204" pitchFamily="34" charset="0"/>
              <a:buChar char="•"/>
            </a:pPr>
            <a:r>
              <a:rPr lang="da-DK" sz="1200" b="0" i="1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Politisk aftale fra april 2023 om uddannelsesparathedsvurderingen (pdf):</a:t>
            </a:r>
            <a:r>
              <a:rPr lang="da-DK" sz="1200" b="0" i="1" kern="1200" baseline="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</a:t>
            </a:r>
            <a:r>
              <a:rPr lang="da-DK" sz="1200" b="0" i="0" kern="1200" baseline="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https://www.uvm.dk/-/media/filer/uvm/aktuelt/pdf23/april/230421-aftaletekst-upv.pdf</a:t>
            </a:r>
          </a:p>
          <a:p>
            <a:pPr marL="171450" indent="-171450" fontAlgn="base">
              <a:buFont typeface="Arial" panose="020B0604020202020204" pitchFamily="34" charset="0"/>
              <a:buChar char="•"/>
            </a:pPr>
            <a:r>
              <a:rPr lang="da-DK" sz="1200" b="0" i="1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Lovforslag</a:t>
            </a:r>
            <a:r>
              <a:rPr lang="da-DK" sz="1200" b="0" i="1" kern="1200" baseline="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 om afskaffelse af uddannelsesparathedsvurderingen (uvm.dk): </a:t>
            </a:r>
            <a:r>
              <a:rPr lang="da-DK" sz="1200" b="0" i="0" u="none" strike="noStrike" kern="1200" dirty="0" smtClean="0">
                <a:solidFill>
                  <a:schemeClr val="tx1"/>
                </a:solidFill>
                <a:effectLst/>
                <a:latin typeface="Arial" charset="0"/>
                <a:ea typeface="+mn-ea"/>
                <a:cs typeface="+mn-cs"/>
              </a:rPr>
              <a:t>https://www.uvm.dk/aktuelt/nyheder/uvm/2023/aug/230901-lovforslag-om-afskaffelse-af-uddannelsesparathedsvurdering-er-sendt-i-offentlig-hoering</a:t>
            </a:r>
            <a:endParaRPr lang="da-DK" sz="1200" b="0" i="0" kern="1200" dirty="0" smtClean="0">
              <a:solidFill>
                <a:schemeClr val="tx1"/>
              </a:solidFill>
              <a:effectLst/>
              <a:latin typeface="Arial" charset="0"/>
              <a:ea typeface="+mn-ea"/>
              <a:cs typeface="+mn-cs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964264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3606217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4581646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FB4A9B8-3638-4FC0-9D5B-37E83506B102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0" y="1800000"/>
            <a:ext cx="11110913" cy="4516663"/>
          </a:xfrm>
        </p:spPr>
        <p:txBody>
          <a:bodyPr/>
          <a:lstStyle>
            <a:lvl1pPr marL="0" indent="0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B30007-D416-4F36-BE74-F08BF34530F5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1F5DCE-0413-490C-B6BA-2924273B1BC2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B7E0C-6304-41C9-8D5F-9F9F317C11E4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014913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1" y="6145213"/>
            <a:ext cx="50184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17888E79-4E09-4DA0-A549-329DBE1988A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C17E5-3C79-4894-AB6D-9E2345EDA1D0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3FFC6734-A955-43DC-9FC6-2367C37134A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5D6D80-BD06-4D9D-AC51-893A11D339D2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43D4E250-F331-4747-B82B-D6C470F0D0D3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798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2599B1-1D12-4101-8FD5-9AC0825BFB01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0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0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B0C9D-C594-4A2C-A1BE-61C0D14FF095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0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FC00D-5354-483C-9AB6-CFF2E20F2479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D02A78-D539-461A-B021-0F0A3DC9711E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D4272E0-9002-4BC8-A42F-99370B78AA76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18B6E356-6F3D-479D-B8C1-DDE81CF6A90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D4F35A-493B-4EC3-90E0-DDF30FCA52F4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0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6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0" y="1582939"/>
            <a:ext cx="2581331" cy="35548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nyt sli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Startside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1000" b="1" noProof="1">
                <a:cs typeface="Arial" panose="020B0604020202020204" pitchFamily="34" charset="0"/>
              </a:rPr>
              <a:t>Nyt dias </a:t>
            </a:r>
            <a:r>
              <a:rPr lang="da-DK" altLang="da-DK" sz="1000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Her får du et overblik over de 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godkendte BUVM-layouts. 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Ændre layouts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mulige slide</a:t>
            </a:r>
            <a:r>
              <a:rPr lang="da-DK" altLang="da-DK" sz="1000" b="1" noProof="1">
                <a:cs typeface="Arial" panose="020B0604020202020204" pitchFamily="34" charset="0"/>
              </a:rPr>
              <a:t>-</a:t>
            </a:r>
            <a:r>
              <a:rPr lang="da-DK" altLang="da-DK" sz="1000" noProof="1">
                <a:cs typeface="Arial" panose="020B0604020202020204" pitchFamily="34" charset="0"/>
              </a:rPr>
              <a:t>layouts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for at ændre dit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dirty="0"/>
              <a:t>Du kan hente færdige slides, der er tilpasset ministeriets design. Klik på </a:t>
            </a:r>
            <a:r>
              <a:rPr lang="da-DK" sz="1000" b="1" dirty="0"/>
              <a:t>Slidebibliotektet</a:t>
            </a:r>
            <a:r>
              <a:rPr lang="da-DK" sz="1000" dirty="0"/>
              <a:t> (til højre på skærmen eller klik på Templafy-knappen under Startside). Find for eksempel tidslinje, 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796" y="1582939"/>
            <a:ext cx="2778125" cy="44858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bille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Indsæt </a:t>
            </a:r>
            <a:r>
              <a:rPr lang="da-DK" altLang="da-DK" sz="1000" noProof="1">
                <a:cs typeface="Arial" panose="020B0604020202020204" pitchFamily="34" charset="0"/>
              </a:rPr>
              <a:t>billede via </a:t>
            </a:r>
            <a:r>
              <a:rPr lang="da-DK" altLang="da-DK" sz="1000" b="1" noProof="1">
                <a:cs typeface="Arial" panose="020B0604020202020204" pitchFamily="34" charset="0"/>
              </a:rPr>
              <a:t>Billedbiblioteket </a:t>
            </a:r>
            <a:r>
              <a:rPr lang="da-DK" altLang="da-DK" sz="1000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00" noProof="1">
                <a:cs typeface="Arial" panose="020B0604020202020204" pitchFamily="34" charset="0"/>
              </a:rPr>
              <a:t>Hvis du klikker på</a:t>
            </a:r>
            <a:r>
              <a:rPr lang="da-DK" altLang="da-DK" sz="1000" b="1" noProof="1">
                <a:cs typeface="Arial" panose="020B0604020202020204" pitchFamily="34" charset="0"/>
              </a:rPr>
              <a:t> </a:t>
            </a:r>
            <a:r>
              <a:rPr lang="da-DK" altLang="da-DK" sz="1000" noProof="1">
                <a:cs typeface="Arial" panose="020B0604020202020204" pitchFamily="34" charset="0"/>
              </a:rPr>
              <a:t>billedsymbolet i boksen på et slide, indsættes et billede fra din computer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Tip: </a:t>
            </a:r>
            <a:r>
              <a:rPr lang="da-DK" altLang="da-DK" sz="1000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1000" b="1" noProof="1">
                <a:cs typeface="Arial" panose="020B0604020202020204" pitchFamily="34" charset="0"/>
              </a:rPr>
              <a:t>Placer bagest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Placer forrest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Tabeller og graf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50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1000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1000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38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1000" noProof="1">
                <a:cs typeface="Arial" panose="020B0604020202020204" pitchFamily="34" charset="0"/>
              </a:rPr>
              <a:t>Klik på </a:t>
            </a:r>
            <a:r>
              <a:rPr lang="da-DK" sz="1000" b="1" noProof="1">
                <a:cs typeface="Arial" panose="020B0604020202020204" pitchFamily="34" charset="0"/>
              </a:rPr>
              <a:t>Slideelementer </a:t>
            </a:r>
            <a:r>
              <a:rPr lang="da-DK" sz="1000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Juster sidenummerering, 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dato og sidefod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Indsæt. 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</a:t>
            </a:r>
            <a:r>
              <a:rPr lang="da-DK" altLang="da-DK" sz="1000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Anvend på alle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Anvend,</a:t>
            </a:r>
            <a:r>
              <a:rPr lang="da-DK" altLang="da-DK" sz="1000" noProof="1">
                <a:cs typeface="Arial" panose="020B0604020202020204" pitchFamily="34" charset="0"/>
              </a:rPr>
              <a:t> hvis det kun skal være på et enkelt slide.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Hjælpelinjer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Vis </a:t>
            </a:r>
            <a:r>
              <a:rPr lang="da-DK" altLang="da-DK" sz="1000" noProof="1">
                <a:cs typeface="Arial" panose="020B0604020202020204" pitchFamily="34" charset="0"/>
              </a:rPr>
              <a:t>og sæt hak ved </a:t>
            </a:r>
            <a:r>
              <a:rPr lang="da-DK" altLang="da-DK" sz="1000" b="1" noProof="1">
                <a:cs typeface="Arial" panose="020B0604020202020204" pitchFamily="34" charset="0"/>
              </a:rPr>
              <a:t>Hjælpelinjer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00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1000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1000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75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3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25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2988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518829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7EECBBE-9EF9-4F4A-AF45-2BF8DE6A7404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95523102-F04E-4A89-9748-1E003E43CA7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D6C6DB3-A8B6-4BE2-B238-96B43D9CA09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54C49EF4-EA58-4047-81A3-3DFD04CA32A2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26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404BF66-0C6A-4FE0-989D-E85701C8F143}" type="datetime2">
              <a:rPr lang="da-DK" smtClean="0"/>
              <a:t>8. februar 202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8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0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13"/>
            <a:ext cx="833278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792B0D9F-FC95-442A-AF8D-83B973E551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66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8D9D2CE-2762-4DD9-AD36-097487B5D853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A0524A6-9501-446D-AC2A-A1AF341E873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01C38012-A822-4C7D-8455-B874D6530FF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3F63C744-ACC2-4FEE-8DC3-7BA547760EC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42622F9F-DE31-4261-B7B8-0D4F99E57044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tags" Target="../tags/tag1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Relationship Id="rId35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Click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B6072E60-7747-4DE1-BA7C-7DB988E35CEF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11" name="STUK logo">
            <a:extLst>
              <a:ext uri="{FF2B5EF4-FFF2-40B4-BE49-F238E27FC236}">
                <a16:creationId xmlns:a16="http://schemas.microsoft.com/office/drawing/2014/main" id="{465FD92E-75C0-4EDA-B82D-D46CB58081A5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0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3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1072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46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424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609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94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887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6" r:id="rId21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72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14.xml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786B506-04CA-4463-8543-A6D525A1ADA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361248" y="3836301"/>
            <a:ext cx="9223200" cy="1643224"/>
          </a:xfrm>
        </p:spPr>
        <p:txBody>
          <a:bodyPr/>
          <a:lstStyle/>
          <a:p>
            <a:r>
              <a:rPr lang="da-DK" sz="4000" dirty="0"/>
              <a:t>Optagelsesprocedure og optagelseskrav  </a:t>
            </a:r>
            <a:r>
              <a:rPr lang="da-DK" sz="4000" dirty="0" smtClean="0"/>
              <a:t>for </a:t>
            </a:r>
            <a:r>
              <a:rPr lang="da-DK" sz="4000" dirty="0"/>
              <a:t>9. og 10. klasser, som søger 3-årige gymnasiale uddannels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08F218-03AC-4515-BD5E-7F4BA7F1F0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256E3E-758D-4291-9C96-D81705B1535D}" type="datetime2">
              <a:rPr lang="da-DK" smtClean="0"/>
              <a:t>8. februar 2024</a:t>
            </a:fld>
            <a:endParaRPr lang="da-DK" dirty="0"/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59C4849-C7A3-4B0D-80F7-AEACFA18B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79212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Læs mere om de nye </a:t>
            </a:r>
            <a:r>
              <a:rPr lang="da-DK" dirty="0" smtClean="0"/>
              <a:t>adgangskrav.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962B39B0-612E-4B04-AD25-83323FD8ED31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979443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>
            <a:extLst>
              <a:ext uri="{FF2B5EF4-FFF2-40B4-BE49-F238E27FC236}">
                <a16:creationId xmlns:a16="http://schemas.microsoft.com/office/drawing/2014/main" id="{644D7354-50E1-45E7-BE22-D6E7CC805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sprocedure</a:t>
            </a:r>
            <a:br>
              <a:rPr lang="da-DK" dirty="0"/>
            </a:br>
            <a:endParaRPr lang="da-DK" dirty="0"/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71CD8E94-4428-4049-A865-705DF1A53BD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øg om optagelse før 1. marts på optagelse.dk. </a:t>
            </a:r>
          </a:p>
          <a:p>
            <a:r>
              <a:rPr lang="da-DK" dirty="0"/>
              <a:t>Husk, at dine forældre skal underskrive din ansøgning.</a:t>
            </a:r>
          </a:p>
          <a:p>
            <a:r>
              <a:rPr lang="da-DK" dirty="0"/>
              <a:t>Hvis du søger senere end 1. marts vil du </a:t>
            </a:r>
            <a:r>
              <a:rPr lang="da-DK" b="1" dirty="0"/>
              <a:t>ikke</a:t>
            </a:r>
            <a:r>
              <a:rPr lang="da-DK" dirty="0"/>
              <a:t> få reserveret plads på en bestemt institution.</a:t>
            </a:r>
          </a:p>
          <a:p>
            <a:r>
              <a:rPr lang="da-DK" dirty="0"/>
              <a:t>Og du skal til optagelsesprøve og samtale for at blive optaget.</a:t>
            </a:r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F38EBB-DDC7-48BA-8239-A2992E3D7F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A8D303-A5AB-48B8-8080-F5460797266C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C98229-FD76-40FD-90FD-D805172058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47856A6C-370F-48C7-BAF8-5308F9BAB6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0079CB1C-69FE-4B9A-A6CC-192750A6F3B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53A409AE-91B3-4390-8A8A-D190127AE5FD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7172648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sprocedur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Du </a:t>
            </a:r>
            <a:r>
              <a:rPr lang="da-DK"/>
              <a:t>får </a:t>
            </a:r>
            <a:r>
              <a:rPr lang="da-DK" smtClean="0"/>
              <a:t>senest den </a:t>
            </a:r>
            <a:r>
              <a:rPr lang="da-DK" dirty="0"/>
              <a:t>8. maj besked om, hvor der er reserveret en plads til dig.</a:t>
            </a:r>
          </a:p>
          <a:p>
            <a:r>
              <a:rPr lang="da-DK" dirty="0"/>
              <a:t>Din plads er reserveret, indtil institutionen kan vurdere, om du kan optages på uddannelsen. </a:t>
            </a:r>
          </a:p>
          <a:p>
            <a:r>
              <a:rPr lang="da-DK" dirty="0"/>
              <a:t>Dette sker efter at du har været til de afsluttende prøver i folkeskolen eller en eventuel </a:t>
            </a:r>
            <a:r>
              <a:rPr lang="da-DK" dirty="0" smtClean="0"/>
              <a:t>optagelsesprøve.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12">
            <a:extLst>
              <a:ext uri="{FF2B5EF4-FFF2-40B4-BE49-F238E27FC236}">
                <a16:creationId xmlns:a16="http://schemas.microsoft.com/office/drawing/2014/main" id="{04847F9C-FC84-4A06-B569-954350296E93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1" y="1800000"/>
            <a:ext cx="4500001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16048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Uddannelsesparat*:</a:t>
            </a:r>
          </a:p>
          <a:p>
            <a:r>
              <a:rPr lang="da-DK" dirty="0" smtClean="0"/>
              <a:t>Faglige</a:t>
            </a:r>
            <a:r>
              <a:rPr lang="da-DK" dirty="0"/>
              <a:t>, personlige og sociale forudsætninger. </a:t>
            </a:r>
          </a:p>
          <a:p>
            <a:r>
              <a:rPr lang="da-DK" dirty="0"/>
              <a:t>Faglige forudsætninger: 9. klasses afsluttende standpunktskarakterer: mindst 5 i gennemsnit. </a:t>
            </a:r>
          </a:p>
          <a:p>
            <a:endParaRPr lang="da-DK" dirty="0"/>
          </a:p>
          <a:p>
            <a:endParaRPr lang="da-DK" dirty="0"/>
          </a:p>
          <a:p>
            <a:pPr marL="0" indent="0">
              <a:buNone/>
            </a:pPr>
            <a:r>
              <a:rPr lang="da-DK" sz="1600" dirty="0" smtClean="0"/>
              <a:t>*</a:t>
            </a:r>
            <a:r>
              <a:rPr lang="da-DK" sz="1600" dirty="0"/>
              <a:t>Forventes afskaffet pr. 1. august 2024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D601B243-1485-4550-8CAF-9405AAC0DFAD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00410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Haft tysk eller fransk fra 5.- 9. klasse.</a:t>
            </a:r>
          </a:p>
          <a:p>
            <a:r>
              <a:rPr lang="da-DK" dirty="0"/>
              <a:t>Aflægge folkeskolens obligatoriske 9.-klasseprøver.</a:t>
            </a:r>
          </a:p>
          <a:p>
            <a:r>
              <a:rPr lang="da-DK" dirty="0"/>
              <a:t>Bestå folkeskolens afgangseksamen.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5DE87521-2D5F-456B-9E84-8B3B9544BE90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1" y="1800000"/>
            <a:ext cx="4500001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94490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Få mindst 5,0 i gennemsnit i de lovbundne prøver ved folkeskolens afgangseksamen.</a:t>
            </a:r>
          </a:p>
          <a:p>
            <a:r>
              <a:rPr lang="da-DK" dirty="0"/>
              <a:t>De bundne prøvefag i folkeskolen er: dansk, matematik, engelsk, og fælles prøven fysik/kemi/biologi/geografi.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F7B891B5-3A92-4B68-A1FC-74AFE9B1CCEA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062167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Hvis du ikke får mindst 5,0 i gennemsnit i de lovbundne prøver, har du stadig krav på at blive optaget, hvis du:</a:t>
            </a:r>
          </a:p>
          <a:p>
            <a:pPr lvl="0"/>
            <a:r>
              <a:rPr lang="da-DK" dirty="0"/>
              <a:t>får et gennemsnit på mindst 3,0 i de lovbundne prøver, eller</a:t>
            </a:r>
          </a:p>
          <a:p>
            <a:pPr lvl="0"/>
            <a:r>
              <a:rPr lang="da-DK" dirty="0"/>
              <a:t>får et gennemsnit på mellem 2,0-3,0 i de lovbundne prøver og gennemfører en vejledningssamtale med rektor på det ønskede gymnasium.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2E88A7FF-DD86-43A1-B2EF-66B8DFCA18A0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562753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Hvis du ikke opfylder et eller flere af adgangskravene, bliver du tilbudt en optagelsesprøve og en samtale.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B0940E39-68B0-4E93-976E-DACE31477984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66920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længet retskrav efter 9. og 10. klass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Hvis du søger om optagelse senest 2 år efter, at du er gået ud af 9. klasse eller 1 år efter du er gået ud af 10. klasse, kan du stadig have retskrav på  optagelse.</a:t>
            </a:r>
          </a:p>
          <a:p>
            <a:r>
              <a:rPr lang="da-DK" dirty="0" smtClean="0"/>
              <a:t>Retskravet </a:t>
            </a:r>
            <a:r>
              <a:rPr lang="da-DK" dirty="0"/>
              <a:t>kræver at du har opfyldt alle adgangskrav i 9. klasse eller i 10. </a:t>
            </a:r>
            <a:r>
              <a:rPr lang="da-DK" dirty="0" smtClean="0"/>
              <a:t>klasse.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8. februar 2024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>
            <a:extLst>
              <a:ext uri="{FF2B5EF4-FFF2-40B4-BE49-F238E27FC236}">
                <a16:creationId xmlns:a16="http://schemas.microsoft.com/office/drawing/2014/main" id="{8F291422-FE50-4379-A7D4-9468554DE400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8262" y="1800000"/>
            <a:ext cx="4500000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080392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91997477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91997477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24</Words>
  <Application>Microsoft Office PowerPoint</Application>
  <PresentationFormat>Widescreen</PresentationFormat>
  <Paragraphs>67</Paragraphs>
  <Slides>10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4" baseType="lpstr">
      <vt:lpstr>Arial</vt:lpstr>
      <vt:lpstr>Georgia</vt:lpstr>
      <vt:lpstr>Verdana</vt:lpstr>
      <vt:lpstr>UVM</vt:lpstr>
      <vt:lpstr>Optagelsesprocedure og optagelseskrav  for 9. og 10. klasser, som søger 3-årige gymnasiale uddannelser</vt:lpstr>
      <vt:lpstr>Optagelsesprocedure </vt:lpstr>
      <vt:lpstr>Optagelsesprocedure</vt:lpstr>
      <vt:lpstr>Adgangskrav</vt:lpstr>
      <vt:lpstr>Adgangskrav</vt:lpstr>
      <vt:lpstr>Adgangskrav</vt:lpstr>
      <vt:lpstr>Adgangskrav</vt:lpstr>
      <vt:lpstr>Adgangskrav</vt:lpstr>
      <vt:lpstr>Forlænget retskrav efter 9. og 10. klasse</vt:lpstr>
      <vt:lpstr>Adgangskrav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4-11T11:14:19Z</dcterms:created>
  <dcterms:modified xsi:type="dcterms:W3CDTF">2024-02-08T10:24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uvm</vt:lpwstr>
  </property>
  <property fmtid="{D5CDD505-2E9C-101B-9397-08002B2CF9AE}" pid="5" name="TemplateId">
    <vt:lpwstr>637030260375803988</vt:lpwstr>
  </property>
  <property fmtid="{D5CDD505-2E9C-101B-9397-08002B2CF9AE}" pid="6" name="UserProfileId">
    <vt:lpwstr>638272549393070818</vt:lpwstr>
  </property>
</Properties>
</file>